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5" d="100"/>
          <a:sy n="55" d="100"/>
        </p:scale>
        <p:origin x="324" y="2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er for Grænseregionsforskning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Grænseregionsforskning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Grænseregionsforskning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Grænseregionsforskn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Grænseregionsforskn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Grænseregionsforskn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Grænseregionsforskn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Grænseregionsforskn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er for Grænseregionsforskning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Grænseregionsforskning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Nav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o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Danish centre for welfare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Nav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o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Danish </a:t>
            </a:r>
            <a:r>
              <a:rPr lang="en-US" dirty="0" err="1"/>
              <a:t>centre</a:t>
            </a:r>
            <a:r>
              <a:rPr lang="en-US" dirty="0"/>
              <a:t> for welfare studies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06E776C-9BFD-6EB9-E234-95E3F747FE8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28001" y="6234856"/>
            <a:ext cx="2565968" cy="4428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Danish centre for welfare studies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7111920" y="6270492"/>
            <a:ext cx="3341250" cy="352190"/>
          </a:xfrm>
        </p:spPr>
        <p:txBody>
          <a:bodyPr/>
          <a:lstStyle/>
          <a:p>
            <a:r>
              <a:rPr lang="en-US" dirty="0"/>
              <a:t>Danish </a:t>
            </a:r>
            <a:r>
              <a:rPr lang="en-US" dirty="0" err="1"/>
              <a:t>centre</a:t>
            </a:r>
            <a:r>
              <a:rPr lang="en-US" dirty="0"/>
              <a:t> for welfare studies</a:t>
            </a:r>
          </a:p>
          <a:p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7080628" y="6293301"/>
            <a:ext cx="3340800" cy="352190"/>
          </a:xfrm>
        </p:spPr>
        <p:txBody>
          <a:bodyPr/>
          <a:lstStyle/>
          <a:p>
            <a:r>
              <a:rPr lang="en-US" dirty="0"/>
              <a:t>Danish </a:t>
            </a:r>
            <a:r>
              <a:rPr lang="en-US" dirty="0" err="1"/>
              <a:t>centre</a:t>
            </a:r>
            <a:r>
              <a:rPr lang="en-US" dirty="0"/>
              <a:t> for welfare studies</a:t>
            </a:r>
          </a:p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7080628" y="6308449"/>
            <a:ext cx="3340800" cy="352190"/>
          </a:xfrm>
        </p:spPr>
        <p:txBody>
          <a:bodyPr/>
          <a:lstStyle/>
          <a:p>
            <a:r>
              <a:rPr lang="en-US" dirty="0"/>
              <a:t>Danish </a:t>
            </a:r>
            <a:r>
              <a:rPr lang="en-US" dirty="0" err="1"/>
              <a:t>centre</a:t>
            </a:r>
            <a:r>
              <a:rPr lang="en-US" dirty="0"/>
              <a:t> for welfare studies</a:t>
            </a:r>
          </a:p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-09-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FA3F9B3-67E8-4916-9649-40BDE3525456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9FE26B6F-DC60-4304-BB01-91E44587990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B67E54F-5D5C-479E-9D04-81FCAB3FA81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1:40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2333390957</vt:lpwstr>
  </property>
  <property fmtid="{D5CDD505-2E9C-101B-9397-08002B2CF9AE}" pid="6" name="ContentTypeId">
    <vt:lpwstr>0x010100A0DBBFDE404BD84E89523A9B3885119C</vt:lpwstr>
  </property>
</Properties>
</file>